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792" r:id="rId1"/>
  </p:sldMasterIdLst>
  <p:notesMasterIdLst>
    <p:notesMasterId r:id="rId50"/>
  </p:notesMasterIdLst>
  <p:handoutMasterIdLst>
    <p:handoutMasterId r:id="rId51"/>
  </p:handoutMasterIdLst>
  <p:sldIdLst>
    <p:sldId id="256" r:id="rId2"/>
    <p:sldId id="312" r:id="rId3"/>
    <p:sldId id="283" r:id="rId4"/>
    <p:sldId id="284" r:id="rId5"/>
    <p:sldId id="300" r:id="rId6"/>
    <p:sldId id="295" r:id="rId7"/>
    <p:sldId id="298" r:id="rId8"/>
    <p:sldId id="306" r:id="rId9"/>
    <p:sldId id="307" r:id="rId10"/>
    <p:sldId id="308" r:id="rId11"/>
    <p:sldId id="309" r:id="rId12"/>
    <p:sldId id="305" r:id="rId13"/>
    <p:sldId id="310" r:id="rId14"/>
    <p:sldId id="311" r:id="rId15"/>
    <p:sldId id="303" r:id="rId16"/>
    <p:sldId id="314" r:id="rId17"/>
    <p:sldId id="315" r:id="rId18"/>
    <p:sldId id="316" r:id="rId19"/>
    <p:sldId id="317" r:id="rId20"/>
    <p:sldId id="318" r:id="rId21"/>
    <p:sldId id="319" r:id="rId22"/>
    <p:sldId id="320" r:id="rId23"/>
    <p:sldId id="321" r:id="rId24"/>
    <p:sldId id="322" r:id="rId25"/>
    <p:sldId id="323" r:id="rId26"/>
    <p:sldId id="324" r:id="rId27"/>
    <p:sldId id="325" r:id="rId28"/>
    <p:sldId id="326" r:id="rId29"/>
    <p:sldId id="327" r:id="rId30"/>
    <p:sldId id="328" r:id="rId31"/>
    <p:sldId id="329" r:id="rId32"/>
    <p:sldId id="330" r:id="rId33"/>
    <p:sldId id="331" r:id="rId34"/>
    <p:sldId id="332" r:id="rId35"/>
    <p:sldId id="333" r:id="rId36"/>
    <p:sldId id="334" r:id="rId37"/>
    <p:sldId id="335" r:id="rId38"/>
    <p:sldId id="336" r:id="rId39"/>
    <p:sldId id="337" r:id="rId40"/>
    <p:sldId id="338" r:id="rId41"/>
    <p:sldId id="339" r:id="rId42"/>
    <p:sldId id="340" r:id="rId43"/>
    <p:sldId id="341" r:id="rId44"/>
    <p:sldId id="342" r:id="rId45"/>
    <p:sldId id="343" r:id="rId46"/>
    <p:sldId id="345" r:id="rId47"/>
    <p:sldId id="344" r:id="rId48"/>
    <p:sldId id="346" r:id="rId49"/>
  </p:sldIdLst>
  <p:sldSz cx="9144000" cy="6858000" type="screen4x3"/>
  <p:notesSz cx="6797675" cy="9926638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 useTimings="0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69012ECD-51FC-41F1-AA8D-1B2483CD663E}" styleName="Светлый стиль 2 - акцент 1">
    <a:wholeTbl>
      <a:tcTxStyle>
        <a:fontRef idx="minor">
          <a:scrgbClr r="0" g="0" b="0"/>
        </a:fontRef>
        <a:schemeClr val="tx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</a:tcStyle>
    </a:band1H>
    <a:band1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1V>
    <a:band2V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</a:tcBdr>
      </a:tcStyle>
    </a:band2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1"/>
              </a:solidFill>
            </a:ln>
          </a:top>
        </a:tcBdr>
      </a:tcStyle>
    </a:lastRow>
    <a:firstRow>
      <a:tcTxStyle b="on">
        <a:fontRef idx="minor">
          <a:scrgbClr r="0" g="0" b="0"/>
        </a:fontRef>
        <a:schemeClr val="bg1"/>
      </a:tcTxStyle>
      <a:tcStyle>
        <a:tcBdr/>
        <a:fillRef idx="1">
          <a:schemeClr val="accent1"/>
        </a:fillRef>
      </a:tcStyle>
    </a:firstRow>
  </a:tblStyle>
  <a:tblStyle styleId="{5C22544A-7EE6-4342-B048-85BDC9FD1C3A}" styleName="Средний стиль 2 -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31" d="100"/>
          <a:sy n="31" d="100"/>
        </p:scale>
        <p:origin x="426" y="60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notesMaster" Target="notesMasters/notesMaster1.xml"/><Relationship Id="rId55" Type="http://schemas.openxmlformats.org/officeDocument/2006/relationships/tableStyles" Target="tableStyles.xml"/><Relationship Id="rId7" Type="http://schemas.openxmlformats.org/officeDocument/2006/relationships/slide" Target="slides/slide6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viewProps" Target="viewProps.xml"/><Relationship Id="rId5" Type="http://schemas.openxmlformats.org/officeDocument/2006/relationships/slide" Target="slides/slide4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8" Type="http://schemas.openxmlformats.org/officeDocument/2006/relationships/slide" Target="slides/slide7.xml"/><Relationship Id="rId51" Type="http://schemas.openxmlformats.org/officeDocument/2006/relationships/handoutMaster" Target="handoutMasters/handoutMaster1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50443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96EE5145-9E9C-44FC-A170-1FC9BBA54136}" type="datetimeFigureOut">
              <a:rPr lang="ru-RU" smtClean="0"/>
              <a:t>13.04.2018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9428584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50443" y="9428584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ACE5F02C-399F-4081-B08A-BA291F64D9A0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48610079"/>
      </p:ext>
    </p:extLst>
  </p:cSld>
  <p:clrMap bg1="lt1" tx1="dk1" bg2="lt2" tx2="dk2" accent1="accent1" accent2="accent2" accent3="accent3" accent4="accent4" accent5="accent5" accent6="accent6" hlink="hlink" folHlink="folHlink"/>
  <p:hf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50443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E8A8AF1D-414D-445C-80F8-E233D0B52D14}" type="datetimeFigureOut">
              <a:rPr lang="ru-RU" smtClean="0"/>
              <a:t>13.04.2018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917575" y="744538"/>
            <a:ext cx="4962525" cy="37226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79768" y="4715154"/>
            <a:ext cx="5438140" cy="44669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9428584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50443" y="9428584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9A81CC5-A99E-44F2-8DA2-F448A979AC67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38432052"/>
      </p:ext>
    </p:extLst>
  </p:cSld>
  <p:clrMap bg1="lt1" tx1="dk1" bg2="lt2" tx2="dk2" accent1="accent1" accent2="accent2" accent3="accent3" accent4="accent4" accent5="accent5" accent6="accent6" hlink="hlink" folHlink="folHlink"/>
  <p:hf hdr="0" ftr="0" dt="0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9A81CC5-A99E-44F2-8DA2-F448A979AC67}" type="slidenum">
              <a:rPr lang="ru-RU" smtClean="0"/>
              <a:t>1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0187354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Образ слайда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Заметки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9A81CC5-A99E-44F2-8DA2-F448A979AC67}" type="slidenum">
              <a:rPr lang="ru-RU" smtClean="0"/>
              <a:t>48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29948335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/>
              <a:t>Образец подзаголовк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2C441277-D0D0-43F9-B53F-A37BB95ACCA2}" type="datetime1">
              <a:rPr lang="ru-RU" smtClean="0"/>
              <a:t>13.04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56977020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C8A5976-D440-48EF-9BE9-BD070C06021B}" type="datetime1">
              <a:rPr lang="ru-RU" smtClean="0"/>
              <a:t>13.04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05000132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тикальный заголовок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Вертикальный текст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9ADAF26-31B3-4BF2-A2DE-8BCABA47E340}" type="datetime1">
              <a:rPr lang="ru-RU" smtClean="0"/>
              <a:t>13.04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8151074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070B2311-F3FA-47A9-8953-A6BC76375EE3}" type="datetime1">
              <a:rPr lang="ru-RU" smtClean="0"/>
              <a:t>13.04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3504613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0F0727D-2D2C-4EBE-A3F8-4D8A2218BCF0}" type="datetime1">
              <a:rPr lang="ru-RU" smtClean="0"/>
              <a:t>13.04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63526642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B99EA82-EC5A-42FB-9837-384422664B03}" type="datetime1">
              <a:rPr lang="ru-RU" smtClean="0"/>
              <a:t>13.04.2018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93771302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4" name="Объект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6" name="Объект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7" name="Дата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7C1435C-2143-4592-92F8-9F6CF8E9906F}" type="datetime1">
              <a:rPr lang="ru-RU" smtClean="0"/>
              <a:t>13.04.2018</a:t>
            </a:fld>
            <a:endParaRPr lang="ru-RU"/>
          </a:p>
        </p:txBody>
      </p:sp>
      <p:sp>
        <p:nvSpPr>
          <p:cNvPr id="8" name="Нижний колонтитул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9" name="Номер слайда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89421999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Дата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A987F12-F6E9-4C59-9DDE-AD3D0DBD18C8}" type="datetime1">
              <a:rPr lang="ru-RU" smtClean="0"/>
              <a:t>13.04.2018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1719123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Дата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76823AD8-B5C3-4567-9B84-5293C259370D}" type="datetime1">
              <a:rPr lang="ru-RU" smtClean="0"/>
              <a:t>13.04.2018</a:t>
            </a:fld>
            <a:endParaRPr lang="ru-RU"/>
          </a:p>
        </p:txBody>
      </p:sp>
      <p:sp>
        <p:nvSpPr>
          <p:cNvPr id="3" name="Нижний колонтитул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4" name="Номер слайда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98999719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2CCE3B6-62A1-4E08-A742-3025D05205D0}" type="datetime1">
              <a:rPr lang="ru-RU" smtClean="0"/>
              <a:t>13.04.2018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4331615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EFF6DABF-0324-49DF-9493-ECC39B7503BA}" type="datetime1">
              <a:rPr lang="ru-RU" smtClean="0"/>
              <a:t>13.04.2018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96410760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4" name="Дата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0681405-8B55-48B8-9550-1E4097E57E12}" type="datetime1">
              <a:rPr lang="ru-RU" smtClean="0"/>
              <a:t>13.04.2018</a:t>
            </a:fld>
            <a:endParaRPr lang="ru-RU"/>
          </a:p>
        </p:txBody>
      </p:sp>
      <p:sp>
        <p:nvSpPr>
          <p:cNvPr id="5" name="Нижний колонтитул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/>
          </a:p>
        </p:txBody>
      </p:sp>
      <p:sp>
        <p:nvSpPr>
          <p:cNvPr id="6" name="Номер слайда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7D3A3A5-6838-4BA8-BE42-EBE612759A09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14176493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93" r:id="rId1"/>
    <p:sldLayoutId id="2147483794" r:id="rId2"/>
    <p:sldLayoutId id="2147483795" r:id="rId3"/>
    <p:sldLayoutId id="2147483796" r:id="rId4"/>
    <p:sldLayoutId id="2147483797" r:id="rId5"/>
    <p:sldLayoutId id="2147483798" r:id="rId6"/>
    <p:sldLayoutId id="2147483799" r:id="rId7"/>
    <p:sldLayoutId id="2147483800" r:id="rId8"/>
    <p:sldLayoutId id="2147483801" r:id="rId9"/>
    <p:sldLayoutId id="2147483802" r:id="rId10"/>
    <p:sldLayoutId id="2147483803" r:id="rId11"/>
  </p:sldLayoutIdLst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4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jpeg"/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.jpe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gif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5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6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0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8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9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0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2.pn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4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Прямоугольник 13"/>
          <p:cNvSpPr/>
          <p:nvPr/>
        </p:nvSpPr>
        <p:spPr>
          <a:xfrm>
            <a:off x="5004048" y="188640"/>
            <a:ext cx="3888432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5" name="Рисунок 14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178" y="0"/>
            <a:ext cx="4848301" cy="6858000"/>
          </a:xfrm>
          <a:prstGeom prst="rect">
            <a:avLst/>
          </a:prstGeom>
        </p:spPr>
      </p:pic>
      <p:grpSp>
        <p:nvGrpSpPr>
          <p:cNvPr id="8" name="Группа 7"/>
          <p:cNvGrpSpPr/>
          <p:nvPr/>
        </p:nvGrpSpPr>
        <p:grpSpPr>
          <a:xfrm>
            <a:off x="272325" y="5157192"/>
            <a:ext cx="5688632" cy="1080120"/>
            <a:chOff x="2843808" y="5033185"/>
            <a:chExt cx="5688632" cy="1080120"/>
          </a:xfrm>
        </p:grpSpPr>
        <p:sp>
          <p:nvSpPr>
            <p:cNvPr id="7" name="Прямоугольник 6"/>
            <p:cNvSpPr/>
            <p:nvPr/>
          </p:nvSpPr>
          <p:spPr>
            <a:xfrm>
              <a:off x="2843808" y="5033185"/>
              <a:ext cx="5688632" cy="1080120"/>
            </a:xfrm>
            <a:prstGeom prst="rect">
              <a:avLst/>
            </a:prstGeom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pic>
          <p:nvPicPr>
            <p:cNvPr id="5" name="Рисунок 4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059832" y="5157192"/>
              <a:ext cx="5154178" cy="832106"/>
            </a:xfrm>
            <a:prstGeom prst="rect">
              <a:avLst/>
            </a:prstGeom>
          </p:spPr>
        </p:pic>
      </p:grpSp>
      <p:sp>
        <p:nvSpPr>
          <p:cNvPr id="13" name="TextBox 12"/>
          <p:cNvSpPr txBox="1"/>
          <p:nvPr/>
        </p:nvSpPr>
        <p:spPr>
          <a:xfrm>
            <a:off x="5076056" y="404664"/>
            <a:ext cx="3600400" cy="452431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endParaRPr lang="ru-RU" sz="2000" b="1" dirty="0">
              <a:solidFill>
                <a:schemeClr val="accent1">
                  <a:lumMod val="75000"/>
                </a:schemeClr>
              </a:solidFill>
              <a:latin typeface="Mech" pitchFamily="50" charset="0"/>
            </a:endParaRPr>
          </a:p>
          <a:p>
            <a:pPr algn="ctr"/>
            <a:endParaRPr lang="ru-RU" sz="2000" b="1" dirty="0">
              <a:solidFill>
                <a:schemeClr val="accent1">
                  <a:lumMod val="75000"/>
                </a:schemeClr>
              </a:solidFill>
              <a:latin typeface="Mech" pitchFamily="50" charset="0"/>
            </a:endParaRPr>
          </a:p>
          <a:p>
            <a:pPr algn="ctr"/>
            <a:r>
              <a:rPr lang="ru-RU" sz="2800" b="1" dirty="0">
                <a:solidFill>
                  <a:schemeClr val="accent1">
                    <a:lumMod val="75000"/>
                  </a:schemeClr>
                </a:solidFill>
                <a:latin typeface="Mech" pitchFamily="50" charset="0"/>
              </a:rPr>
              <a:t>Использование современных информационных технологий в образовательном процессе</a:t>
            </a:r>
            <a:br>
              <a:rPr lang="ru-RU" sz="2000" b="1" dirty="0">
                <a:solidFill>
                  <a:schemeClr val="accent1">
                    <a:lumMod val="75000"/>
                  </a:schemeClr>
                </a:solidFill>
                <a:latin typeface="Mech" pitchFamily="50" charset="0"/>
              </a:rPr>
            </a:br>
            <a:endParaRPr lang="ru-RU" sz="2000" b="1" dirty="0">
              <a:solidFill>
                <a:schemeClr val="accent1">
                  <a:lumMod val="75000"/>
                </a:schemeClr>
              </a:solidFill>
              <a:latin typeface="Mech" pitchFamily="50" charset="0"/>
            </a:endParaRPr>
          </a:p>
          <a:p>
            <a:pPr algn="ctr"/>
            <a:endParaRPr lang="en-US" sz="1200" dirty="0"/>
          </a:p>
          <a:p>
            <a:r>
              <a:rPr lang="ru-RU" sz="1200" dirty="0"/>
              <a:t>МИЩЕНКО ТАТЬЯНА ВЯЧЕСЛАВНА,</a:t>
            </a:r>
            <a:br>
              <a:rPr lang="ru-RU" sz="1200" dirty="0"/>
            </a:br>
            <a:r>
              <a:rPr lang="ru-RU" sz="1200" dirty="0"/>
              <a:t>заведующий учебной частью МЦК-ЧЭМК Минобразования Чувашии</a:t>
            </a:r>
            <a:endParaRPr lang="en-US" sz="1200" dirty="0"/>
          </a:p>
          <a:p>
            <a:endParaRPr lang="en-US" sz="1200" dirty="0"/>
          </a:p>
        </p:txBody>
      </p:sp>
      <p:sp>
        <p:nvSpPr>
          <p:cNvPr id="16" name="Прямоугольник 15"/>
          <p:cNvSpPr/>
          <p:nvPr/>
        </p:nvSpPr>
        <p:spPr>
          <a:xfrm>
            <a:off x="421414" y="6380289"/>
            <a:ext cx="622863" cy="288657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16</a:t>
            </a:r>
          </a:p>
        </p:txBody>
      </p:sp>
      <p:sp>
        <p:nvSpPr>
          <p:cNvPr id="17" name="Прямоугольник 16"/>
          <p:cNvSpPr/>
          <p:nvPr/>
        </p:nvSpPr>
        <p:spPr>
          <a:xfrm>
            <a:off x="1115616" y="6380288"/>
            <a:ext cx="627267" cy="288657"/>
          </a:xfrm>
          <a:prstGeom prst="rect">
            <a:avLst/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17</a:t>
            </a:r>
          </a:p>
        </p:txBody>
      </p:sp>
      <p:sp>
        <p:nvSpPr>
          <p:cNvPr id="18" name="Прямоугольник 17"/>
          <p:cNvSpPr/>
          <p:nvPr/>
        </p:nvSpPr>
        <p:spPr>
          <a:xfrm>
            <a:off x="1810094" y="6380287"/>
            <a:ext cx="627267" cy="288656"/>
          </a:xfrm>
          <a:prstGeom prst="rect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1</a:t>
            </a:r>
            <a:r>
              <a:rPr lang="en-US" sz="1200" dirty="0"/>
              <a:t>8</a:t>
            </a:r>
            <a:endParaRPr lang="ru-RU" sz="1200" dirty="0"/>
          </a:p>
        </p:txBody>
      </p:sp>
      <p:sp>
        <p:nvSpPr>
          <p:cNvPr id="19" name="Прямоугольник 18"/>
          <p:cNvSpPr/>
          <p:nvPr/>
        </p:nvSpPr>
        <p:spPr>
          <a:xfrm>
            <a:off x="2509646" y="6380286"/>
            <a:ext cx="627267" cy="288657"/>
          </a:xfrm>
          <a:prstGeom prst="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1</a:t>
            </a:r>
            <a:r>
              <a:rPr lang="en-US" sz="1200" dirty="0"/>
              <a:t>9</a:t>
            </a:r>
            <a:endParaRPr lang="ru-RU" sz="1200" dirty="0"/>
          </a:p>
        </p:txBody>
      </p:sp>
      <p:sp>
        <p:nvSpPr>
          <p:cNvPr id="20" name="Прямоугольник 19"/>
          <p:cNvSpPr/>
          <p:nvPr/>
        </p:nvSpPr>
        <p:spPr>
          <a:xfrm>
            <a:off x="3194959" y="6380285"/>
            <a:ext cx="627267" cy="288657"/>
          </a:xfrm>
          <a:prstGeom prst="rect">
            <a:avLst/>
          </a:prstGeom>
          <a:solidFill>
            <a:srgbClr val="00B0F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20</a:t>
            </a:r>
          </a:p>
        </p:txBody>
      </p:sp>
      <p:pic>
        <p:nvPicPr>
          <p:cNvPr id="2" name="Рисунок 1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25819"/>
          <a:stretch/>
        </p:blipFill>
        <p:spPr>
          <a:xfrm>
            <a:off x="6324475" y="5177531"/>
            <a:ext cx="2279973" cy="12037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65981006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39552" y="1196752"/>
            <a:ext cx="8352928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Предполагается использование преимущественно программных средств, обеспечивающих эффективную самостоятельную работу обучаемых.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539552" y="548680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Изучение на базе компьютера 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7" name="Picture 6" descr="http://mk-reklama.by/wp-content/uploads/2015/06/service1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60512" y="2276872"/>
            <a:ext cx="5603776" cy="420283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154607910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467544" y="1340768"/>
            <a:ext cx="8352928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Представляет собой самостоятельную технологию обучения, но на практике оно входит составным элементом в другие, поскольку к технологиям передачи знаний в качестве обязательного предъявляется и требование о наличии у них специальной системы оценки качества усвоения знаний. 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467544" y="529516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Оценивание с помощью компьютера 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8194" name="Picture 2" descr="http://zakupki.tatar/upload/iblock/79c/79c4382bbf043fe832af96301c8ee2d9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45858" y="3140968"/>
            <a:ext cx="6022486" cy="331236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958336485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62238" y="1196752"/>
            <a:ext cx="8352928" cy="224676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Обеспечивают и процесс передачи знаний, и обратную связь, являются неотъемлемой составляющей всех вышеперечисленных технологий. </a:t>
            </a:r>
          </a:p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Компьютерные коммуникации определяют возможности информационной образовательной среды отдельного учебного заведения, города, региона, страны. </a:t>
            </a:r>
          </a:p>
          <a:p>
            <a:pPr marL="342900" indent="-342900">
              <a:buFont typeface="Wingdings" panose="05000000000000000000" pitchFamily="2" charset="2"/>
              <a:buChar char="ü"/>
            </a:pPr>
            <a:endParaRPr lang="ru-RU" sz="2000" dirty="0"/>
          </a:p>
        </p:txBody>
      </p:sp>
      <p:sp>
        <p:nvSpPr>
          <p:cNvPr id="8" name="TextBox 7"/>
          <p:cNvSpPr txBox="1"/>
          <p:nvPr/>
        </p:nvSpPr>
        <p:spPr>
          <a:xfrm>
            <a:off x="467544" y="457508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Компьютерные коммуникации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10242" name="Picture 2" descr="http://nevseoboi.com.ua/uploads/posts/2011-09/1316884302_by-0disey-347_nevseoboi.com.ua.jp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23728" y="3184232"/>
            <a:ext cx="5256584" cy="32403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312328688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323528" y="1855852"/>
            <a:ext cx="8496944" cy="440120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усложнение педагогического процесса в учебном заведении в условиях интеграции специальных дисциплин, а также интеграции учебного заведения с передовыми компаниями и научно-исследовательскими организациями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расширение предметного мира учащегося, ведущим к увеличению объема учебного материала и необходимости его обобщения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расширение сфер деятельности, ведущим к необходимости решать разнообразные профессиональные задачи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включение в процесс обучения перспективных технологий, в том числе и базы современных телекоммуникационных и вычислительных средств. 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ü"/>
            </a:pPr>
            <a:endParaRPr lang="ru-RU" sz="2000" dirty="0"/>
          </a:p>
        </p:txBody>
      </p:sp>
      <p:sp>
        <p:nvSpPr>
          <p:cNvPr id="7" name="TextBox 6"/>
          <p:cNvSpPr txBox="1"/>
          <p:nvPr/>
        </p:nvSpPr>
        <p:spPr>
          <a:xfrm>
            <a:off x="467544" y="457508"/>
            <a:ext cx="83529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Значимость использования </a:t>
            </a:r>
          </a:p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современных информационных технологий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835460407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62238" y="1731580"/>
            <a:ext cx="8352928" cy="378565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создание реальных условий для подготовки педагогических кадров, способных принять участие в реализации программ информатизации образования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значительное повышение уровня профессионального взаимодействия педагогов и обучаемых благодаря возможности выполнения совместных проектов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появление качественно новых условий для реализации творческого потенциала учащихся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повышение эффективности самостоятельной работы учащихся с традиционными и электронными ресурсами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реализации непрерывного открытого образования. </a:t>
            </a:r>
            <a:endParaRPr lang="ru-RU" sz="2000" dirty="0"/>
          </a:p>
        </p:txBody>
      </p:sp>
      <p:sp>
        <p:nvSpPr>
          <p:cNvPr id="8" name="TextBox 7"/>
          <p:cNvSpPr txBox="1"/>
          <p:nvPr/>
        </p:nvSpPr>
        <p:spPr>
          <a:xfrm>
            <a:off x="467544" y="386661"/>
            <a:ext cx="83529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Содержание педагогического </a:t>
            </a:r>
          </a:p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образования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57105317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62238" y="908720"/>
            <a:ext cx="8352928" cy="163121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На современном этапе реформирования образования в России появились новые возможности получения образования. Вошли в обиход такие понятия как «электронное образование», «дистанционное образование».</a:t>
            </a:r>
          </a:p>
          <a:p>
            <a:pPr marL="342900" indent="-342900">
              <a:buFont typeface="Wingdings" panose="05000000000000000000" pitchFamily="2" charset="2"/>
              <a:buChar char="ü"/>
            </a:pPr>
            <a:endParaRPr lang="ru-RU" sz="2000" dirty="0"/>
          </a:p>
        </p:txBody>
      </p:sp>
      <p:pic>
        <p:nvPicPr>
          <p:cNvPr id="11266" name="Picture 2" descr="http://www.thedigitalbridges.com/wp-content/uploads/2017/04/online-teaching-platforms-advantages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19672" y="2348880"/>
            <a:ext cx="6180709" cy="412253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170089542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62238" y="1731580"/>
            <a:ext cx="8352928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Главное достоинство дистанционного обучения — доступность для любой категории студентов, в том числе тех, для кого традиционная форма получения образования недоступна в силу объективных причин. </a:t>
            </a:r>
          </a:p>
          <a:p>
            <a:endParaRPr lang="ru-RU" sz="20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Важным преимуществом дистанционного обучения является самостоятельное планирование интенсивности и нагрузки, возможность заниматься дома. </a:t>
            </a:r>
          </a:p>
        </p:txBody>
      </p:sp>
    </p:spTree>
    <p:extLst>
      <p:ext uri="{BB962C8B-B14F-4D97-AF65-F5344CB8AC3E}">
        <p14:creationId xmlns:p14="http://schemas.microsoft.com/office/powerpoint/2010/main" val="2978325999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62238" y="1731580"/>
            <a:ext cx="8352928" cy="247760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доступность обучения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использование большого количества справочной информации в качестве дополнительной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использование новых форм представления и организации информации, обеспечивающих максимальную степень ее восприятия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достоверность сертификации знаний.</a:t>
            </a:r>
          </a:p>
        </p:txBody>
      </p:sp>
      <p:sp>
        <p:nvSpPr>
          <p:cNvPr id="8" name="TextBox 7"/>
          <p:cNvSpPr txBox="1"/>
          <p:nvPr/>
        </p:nvSpPr>
        <p:spPr>
          <a:xfrm>
            <a:off x="467544" y="386661"/>
            <a:ext cx="83529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Базовые принципы дистанционного</a:t>
            </a:r>
          </a:p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образования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978325999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62238" y="1731580"/>
            <a:ext cx="8352928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Система дистанционного обучения (СДО) является важным инструментом в работе специалистов электронного обучения. </a:t>
            </a:r>
          </a:p>
          <a:p>
            <a:endParaRPr lang="ru-RU" sz="20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СДО может оказаться главной статьей расходов, если вы ищите надежную, универсальную систему дистанционного обучения, которая удовлетворит все ваши потребности в области развития электронного обучения персонала.</a:t>
            </a:r>
          </a:p>
        </p:txBody>
      </p:sp>
    </p:spTree>
    <p:extLst>
      <p:ext uri="{BB962C8B-B14F-4D97-AF65-F5344CB8AC3E}">
        <p14:creationId xmlns:p14="http://schemas.microsoft.com/office/powerpoint/2010/main" val="3286701590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13314" name="Picture 2" descr="https://ds04.infourok.ru/uploads/ex/10ef/00066606-48f6c9d1/img16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7584" y="854713"/>
            <a:ext cx="7560840" cy="567063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61551811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3110" y="71647"/>
            <a:ext cx="8916590" cy="67056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53765" y="404664"/>
            <a:ext cx="8435280" cy="5721499"/>
          </a:xfrm>
        </p:spPr>
        <p:txBody>
          <a:bodyPr>
            <a:noAutofit/>
          </a:bodyPr>
          <a:lstStyle/>
          <a:p>
            <a:pPr marL="0" indent="0">
              <a:buNone/>
            </a:pPr>
            <a:r>
              <a:rPr lang="ru-RU" sz="2000" dirty="0">
                <a:solidFill>
                  <a:schemeClr val="tx2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Современные информационные технологии </a:t>
            </a:r>
          </a:p>
          <a:p>
            <a:pPr marL="0" indent="0">
              <a:buNone/>
            </a:pPr>
            <a:r>
              <a:rPr lang="ru-RU" sz="2000" dirty="0">
                <a:solidFill>
                  <a:schemeClr val="tx2"/>
                </a:solidFill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ведут к подлинной революции в образовании.</a:t>
            </a:r>
          </a:p>
        </p:txBody>
      </p:sp>
      <p:pic>
        <p:nvPicPr>
          <p:cNvPr id="1026" name="Picture 2" descr="http://rogovo.minsk.edu.by/be/sm_full.aspx?guid=1057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77792" y="1418294"/>
            <a:ext cx="7682640" cy="525106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5" name="Рисунок 4">
            <a:extLst>
              <a:ext uri="{FF2B5EF4-FFF2-40B4-BE49-F238E27FC236}">
                <a16:creationId xmlns:a16="http://schemas.microsoft.com/office/drawing/2014/main" id="{C92F4B7F-CD7F-4AB4-B673-B45AAD909014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09995445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467544" y="386661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Ё-СТАДИ</a:t>
            </a:r>
            <a:r>
              <a:rPr lang="ru-RU" sz="2800" dirty="0"/>
              <a:t> 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14338" name="Picture 2" descr="http://your-study.ru/l/images/workplaceru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9632" y="908720"/>
            <a:ext cx="6696744" cy="561476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52112191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467544" y="386661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 err="1">
                <a:solidFill>
                  <a:schemeClr val="accent1">
                    <a:lumMod val="75000"/>
                  </a:schemeClr>
                </a:solidFill>
              </a:rPr>
              <a:t>ATutor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8EE72D0D-C13C-4774-AA5A-3E0EB3F6B16C}"/>
              </a:ext>
            </a:extLst>
          </p:cNvPr>
          <p:cNvPicPr>
            <a:picLocks noChangeAspect="1"/>
          </p:cNvPicPr>
          <p:nvPr/>
        </p:nvPicPr>
        <p:blipFill rotWithShape="1">
          <a:blip r:embed="rId3"/>
          <a:srcRect t="12729" b="9944"/>
          <a:stretch/>
        </p:blipFill>
        <p:spPr>
          <a:xfrm>
            <a:off x="755576" y="1268760"/>
            <a:ext cx="8031719" cy="496855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027949119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467544" y="386661"/>
            <a:ext cx="83529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 err="1">
                <a:solidFill>
                  <a:schemeClr val="accent1">
                    <a:lumMod val="75000"/>
                  </a:schemeClr>
                </a:solidFill>
              </a:rPr>
              <a:t>Eliademy</a:t>
            </a:r>
            <a:endParaRPr lang="ru-RU" sz="2800" b="1" dirty="0">
              <a:solidFill>
                <a:schemeClr val="accent1">
                  <a:lumMod val="75000"/>
                </a:schemeClr>
              </a:solidFill>
            </a:endParaRPr>
          </a:p>
          <a:p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15362" name="Picture 2" descr="https://eliademy.com/extimg/297663_2014-10-26_060506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1560" y="1166317"/>
            <a:ext cx="8107172" cy="50709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610454285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467544" y="386661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 err="1">
                <a:solidFill>
                  <a:schemeClr val="accent1">
                    <a:lumMod val="75000"/>
                  </a:schemeClr>
                </a:solidFill>
              </a:rPr>
              <a:t>Forma</a:t>
            </a:r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 LMS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16386" name="Picture 2" descr="https://www.whatasoftware.com/app/webroot/img/software/original/1461241734_Forma-LMS_screen%20shot%203.pn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87624" y="909880"/>
            <a:ext cx="6120680" cy="560749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24019803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467544" y="386661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 err="1">
                <a:solidFill>
                  <a:schemeClr val="accent1">
                    <a:lumMod val="75000"/>
                  </a:schemeClr>
                </a:solidFill>
              </a:rPr>
              <a:t>Dokeos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17410" name="Picture 2" descr="http://slideplayer.info/slide/2846764/10/images/34/Dokeos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1600" y="1196751"/>
            <a:ext cx="6912768" cy="518457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744131979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467544" y="386661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ILIAS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18434" name="Picture 2" descr="http://2.bp.blogspot.com/-9QdcTXHGh6A/TyBMB7Rlp2I/AAAAAAAABRM/gDK0Q1nimso/s1600/43.pn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3568" y="1268760"/>
            <a:ext cx="8047196" cy="453650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689936463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467544" y="386661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 err="1">
                <a:solidFill>
                  <a:schemeClr val="accent1">
                    <a:lumMod val="75000"/>
                  </a:schemeClr>
                </a:solidFill>
              </a:rPr>
              <a:t>Opigno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19458" name="Picture 2" descr="http://ww1.prweb.com/prfiles/2013/10/23/11260340/Opigno-PR-photo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5575" y="-136525"/>
            <a:ext cx="9525" cy="95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9460" name="Picture 4" descr="http://ww1.prweb.com/prfiles/2013/10/23/11260340/Opigno-PR-photo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7975" y="15875"/>
            <a:ext cx="9525" cy="95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9462" name="Picture 6" descr="http://ww1.prweb.com/prfiles/2013/10/23/11260340/Opigno-PR-photo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0375" y="168275"/>
            <a:ext cx="9525" cy="952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9464" name="Picture 8" descr="http://4.bp.blogspot.com/-ri--o050HCs/U2nXejKxE1I/AAAAAAAAAaU/_okelmvyHUg/s1600/opigno7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2656" y="1196752"/>
            <a:ext cx="7017736" cy="526330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265346477"/>
      </p:ext>
    </p:extLst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467544" y="386661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OLAT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20482" name="Picture 2" descr="http://www.theologie.uzh.ch/dam/jcr:283ca013-8a97-4aac-9c69-21c398482f17/olat10_Kurse_Favoriten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5214" y="1669304"/>
            <a:ext cx="8295258" cy="42079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087190794"/>
      </p:ext>
    </p:extLst>
  </p:cSld>
  <p:clrMapOvr>
    <a:masterClrMapping/>
  </p:clrMapOvr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8" name="TextBox 7"/>
          <p:cNvSpPr txBox="1"/>
          <p:nvPr/>
        </p:nvSpPr>
        <p:spPr>
          <a:xfrm>
            <a:off x="467544" y="386661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 err="1">
                <a:solidFill>
                  <a:schemeClr val="accent1">
                    <a:lumMod val="75000"/>
                  </a:schemeClr>
                </a:solidFill>
              </a:rPr>
              <a:t>iSpring</a:t>
            </a:r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 </a:t>
            </a:r>
            <a:r>
              <a:rPr lang="ru-RU" sz="2800" b="1" dirty="0" err="1">
                <a:solidFill>
                  <a:schemeClr val="accent1">
                    <a:lumMod val="75000"/>
                  </a:schemeClr>
                </a:solidFill>
              </a:rPr>
              <a:t>Online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21506" name="Picture 2" descr="https://www.ispringsolutions.com/media/articles/ways-to-upload-ppt-to-ispring-cloud/01-ways-to-upload-ppt-to-ispring-cloud.pn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1600" y="1002897"/>
            <a:ext cx="6912768" cy="537843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249232949"/>
      </p:ext>
    </p:extLst>
  </p:cSld>
  <p:clrMapOvr>
    <a:masterClrMapping/>
  </p:clrMapOvr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1FD23909-E1A1-4BD3-9908-8892809BEC2C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10666" y="31228"/>
            <a:ext cx="9133334" cy="682677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47023097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19538" y="836712"/>
            <a:ext cx="8352928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2700">
              <a:tabLst>
                <a:tab pos="354013" algn="l"/>
              </a:tabLst>
            </a:pPr>
            <a:r>
              <a:rPr lang="ru-RU" sz="2000" dirty="0">
                <a:latin typeface="Verdana" pitchFamily="34" charset="0"/>
              </a:rPr>
              <a:t>Педагоги должны уметь выбирать и применять именно те технологии, которые в полной мере соответствуют содержанию и целям изучения конкретной дисциплины, способствуют достижению целей гармоничного развития учащихся с учетом их индивидуальных особенностей. </a:t>
            </a:r>
          </a:p>
          <a:p>
            <a:pPr marL="12700">
              <a:spcBef>
                <a:spcPts val="0"/>
              </a:spcBef>
              <a:tabLst>
                <a:tab pos="354013" algn="l"/>
              </a:tabLst>
            </a:pPr>
            <a:endParaRPr lang="ru-RU" sz="2000" dirty="0">
              <a:latin typeface="Verdana" pitchFamily="34" charset="0"/>
            </a:endParaRPr>
          </a:p>
        </p:txBody>
      </p:sp>
      <p:pic>
        <p:nvPicPr>
          <p:cNvPr id="2052" name="Picture 4" descr="http://kustoagro.com/wp-content/uploads/2016/12/1111.jpg.pagespeed.ce_.3mPoXeoAqj.jpg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750" t="4314" r="5708" b="8112"/>
          <a:stretch/>
        </p:blipFill>
        <p:spPr bwMode="auto">
          <a:xfrm>
            <a:off x="1688097" y="2492896"/>
            <a:ext cx="5980247" cy="399002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594206131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A8DE9F0E-9385-4F03-BE40-50E34E9A70C3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43880" y="0"/>
            <a:ext cx="910012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79673818"/>
      </p:ext>
    </p:extLst>
  </p:cSld>
  <p:clrMapOvr>
    <a:masterClrMapping/>
  </p:clrMapOvr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7" name="Рисунок 6">
            <a:extLst>
              <a:ext uri="{FF2B5EF4-FFF2-40B4-BE49-F238E27FC236}">
                <a16:creationId xmlns:a16="http://schemas.microsoft.com/office/drawing/2014/main" id="{E9C7D34C-32B8-4E4B-988B-A66FB0538A2A}"/>
              </a:ext>
            </a:extLst>
          </p:cNvPr>
          <p:cNvPicPr>
            <a:picLocks/>
          </p:cNvPicPr>
          <p:nvPr/>
        </p:nvPicPr>
        <p:blipFill>
          <a:blip r:embed="rId3"/>
          <a:stretch>
            <a:fillRect/>
          </a:stretch>
        </p:blipFill>
        <p:spPr>
          <a:xfrm>
            <a:off x="0" y="0"/>
            <a:ext cx="9144000" cy="681337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051153681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B1EEC2D9-636B-4B5B-8F01-031B89E4C357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0" y="14088"/>
            <a:ext cx="9144000" cy="684391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1319735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967EC146-0583-4FE0-B693-D94F08A8A51E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5333" y="15998"/>
            <a:ext cx="9138667" cy="6842001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05690065"/>
      </p:ext>
    </p:extLst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70AAD555-DA83-4146-969F-42E25E1789DA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377238"/>
      </p:ext>
    </p:extLst>
  </p:cSld>
  <p:clrMapOvr>
    <a:masterClrMapping/>
  </p:clrMapOvr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1160A42A-0448-4DD9-80E3-9605AA1FD493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0" y="0"/>
            <a:ext cx="91440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85389593"/>
      </p:ext>
    </p:extLst>
  </p:cSld>
  <p:clrMapOvr>
    <a:masterClrMapping/>
  </p:clrMapOvr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6" name="Рисунок 5">
            <a:extLst>
              <a:ext uri="{FF2B5EF4-FFF2-40B4-BE49-F238E27FC236}">
                <a16:creationId xmlns:a16="http://schemas.microsoft.com/office/drawing/2014/main" id="{C0F1D3BB-305D-467F-86ED-B962A93B6694}"/>
              </a:ext>
            </a:extLst>
          </p:cNvPr>
          <p:cNvPicPr/>
          <p:nvPr/>
        </p:nvPicPr>
        <p:blipFill>
          <a:blip r:embed="rId3"/>
          <a:stretch>
            <a:fillRect/>
          </a:stretch>
        </p:blipFill>
        <p:spPr>
          <a:xfrm>
            <a:off x="0" y="0"/>
            <a:ext cx="9144000" cy="68133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364244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802C91E9-53FF-4525-B89C-6AC00F03BC96}"/>
              </a:ext>
            </a:extLst>
          </p:cNvPr>
          <p:cNvSpPr txBox="1"/>
          <p:nvPr/>
        </p:nvSpPr>
        <p:spPr>
          <a:xfrm>
            <a:off x="467544" y="386661"/>
            <a:ext cx="83529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Облачная система</a:t>
            </a:r>
            <a:b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</a:br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электронного обучения «Академия-Медиа»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1A5F7795-0019-4EFF-BDE8-5932D10D61B2}"/>
              </a:ext>
            </a:extLst>
          </p:cNvPr>
          <p:cNvSpPr txBox="1"/>
          <p:nvPr/>
        </p:nvSpPr>
        <p:spPr>
          <a:xfrm>
            <a:off x="562238" y="1731580"/>
            <a:ext cx="8352928" cy="40934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Это уникальное программное решение для управления учебным процессом в формате «смешанного обучения» (как </a:t>
            </a:r>
            <a:r>
              <a:rPr lang="ru-RU" sz="2000" dirty="0" err="1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аудиторно</a:t>
            </a: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, так и дистанционно), и организации эффективной самостоятельной работы студентов.</a:t>
            </a:r>
          </a:p>
          <a:p>
            <a:endParaRPr lang="ru-RU" sz="20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В основе СЭО «Академия-Медиа» лежит система управления учебным контентом – программная оболочка, в которую встраивается учебный контент. </a:t>
            </a:r>
          </a:p>
          <a:p>
            <a:endParaRPr lang="ru-RU" sz="20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Контент, о котором идет речь, это </a:t>
            </a:r>
            <a:r>
              <a:rPr lang="ru-RU" sz="2000" b="1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электронные учебно-методические комплексы, </a:t>
            </a: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 включающие в себя электронный учебник, практические работы, интерактивные схемы, контрольно-оценочные средства. </a:t>
            </a:r>
          </a:p>
        </p:txBody>
      </p:sp>
    </p:spTree>
    <p:extLst>
      <p:ext uri="{BB962C8B-B14F-4D97-AF65-F5344CB8AC3E}">
        <p14:creationId xmlns:p14="http://schemas.microsoft.com/office/powerpoint/2010/main" val="232106923"/>
      </p:ext>
    </p:extLst>
  </p:cSld>
  <p:clrMapOvr>
    <a:masterClrMapping/>
  </p:clrMapOvr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802C91E9-53FF-4525-B89C-6AC00F03BC96}"/>
              </a:ext>
            </a:extLst>
          </p:cNvPr>
          <p:cNvSpPr txBox="1"/>
          <p:nvPr/>
        </p:nvSpPr>
        <p:spPr>
          <a:xfrm>
            <a:off x="467544" y="386661"/>
            <a:ext cx="83529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Облачная система</a:t>
            </a:r>
            <a:b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</a:br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электронного обучения «Академия-Медиа»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1A5F7795-0019-4EFF-BDE8-5932D10D61B2}"/>
              </a:ext>
            </a:extLst>
          </p:cNvPr>
          <p:cNvSpPr txBox="1"/>
          <p:nvPr/>
        </p:nvSpPr>
        <p:spPr>
          <a:xfrm>
            <a:off x="562238" y="1731580"/>
            <a:ext cx="8352928" cy="39395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Спектр возможностей для руководителя образовательной организации:</a:t>
            </a:r>
            <a:b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</a:br>
            <a:endParaRPr lang="ru-RU" sz="20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визуализация мониторинга качества обучения и выполнения программы курса: наглядная статистика успеваемости отдельного студента, группы и образовательного учреждения в целом в режиме </a:t>
            </a:r>
            <a:r>
              <a:rPr lang="ru-RU" sz="2000" dirty="0" err="1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online</a:t>
            </a: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автоматическое «в один клик» формирование детальных аналитических отчетов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облегчение процесса формирования календарного плана и оперативное информирование всех участников о предстоящих учебных событиях.</a:t>
            </a:r>
          </a:p>
        </p:txBody>
      </p:sp>
    </p:spTree>
    <p:extLst>
      <p:ext uri="{BB962C8B-B14F-4D97-AF65-F5344CB8AC3E}">
        <p14:creationId xmlns:p14="http://schemas.microsoft.com/office/powerpoint/2010/main" val="1125059366"/>
      </p:ext>
    </p:extLst>
  </p:cSld>
  <p:clrMapOvr>
    <a:masterClrMapping/>
  </p:clrMapOvr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802C91E9-53FF-4525-B89C-6AC00F03BC96}"/>
              </a:ext>
            </a:extLst>
          </p:cNvPr>
          <p:cNvSpPr txBox="1"/>
          <p:nvPr/>
        </p:nvSpPr>
        <p:spPr>
          <a:xfrm>
            <a:off x="467544" y="386661"/>
            <a:ext cx="83529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Облачная система</a:t>
            </a:r>
            <a:b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</a:br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электронного обучения «Академия-Медиа»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1A5F7795-0019-4EFF-BDE8-5932D10D61B2}"/>
              </a:ext>
            </a:extLst>
          </p:cNvPr>
          <p:cNvSpPr txBox="1"/>
          <p:nvPr/>
        </p:nvSpPr>
        <p:spPr>
          <a:xfrm>
            <a:off x="562238" y="1628800"/>
            <a:ext cx="8352928" cy="501675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Спектр возможностей для педагога:</a:t>
            </a:r>
          </a:p>
          <a:p>
            <a:endParaRPr lang="ru-RU" sz="20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построение учебного курса в зависимости от актуальных задач и особенностей аудитории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встраивание в электронный учебный курс своих разработок: рабочих программ, теоретических материалов, практических и лабораторных работ, тестов и иных контрольно-оценочных средств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удобная навигация дает мгновенный доступ ко всем ресурсам курса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экономия времени на проверку студенческих работ – система сразу выдает результат по каждому студенту и группе в целом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индивидуальный подход к каждому студенту: оперативное реагирование на трудности в освоении темы.</a:t>
            </a:r>
          </a:p>
        </p:txBody>
      </p:sp>
    </p:spTree>
    <p:extLst>
      <p:ext uri="{BB962C8B-B14F-4D97-AF65-F5344CB8AC3E}">
        <p14:creationId xmlns:p14="http://schemas.microsoft.com/office/powerpoint/2010/main" val="1906324008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19538" y="836712"/>
            <a:ext cx="8352928" cy="101566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itchFamily="34" charset="0"/>
              </a:rPr>
              <a:t>Информационные технологии – это в одних случаях определенное научное направление, в других же — конкретный способ работы с информацией.</a:t>
            </a:r>
          </a:p>
        </p:txBody>
      </p:sp>
      <p:sp>
        <p:nvSpPr>
          <p:cNvPr id="2" name="AutoShape 2" descr="http://ht-impex.ru/wp-content/uploads/2017/12/4-1024x750-1024x675.jpg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3" name="AutoShape 4" descr="http://ht-impex.ru/wp-content/uploads/2017/12/4-1024x750-1024x675.jpg"/>
          <p:cNvSpPr>
            <a:spLocks noChangeAspect="1" noChangeArrowheads="1"/>
          </p:cNvSpPr>
          <p:nvPr/>
        </p:nvSpPr>
        <p:spPr bwMode="auto">
          <a:xfrm>
            <a:off x="307975" y="7937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pic>
        <p:nvPicPr>
          <p:cNvPr id="3078" name="Picture 6" descr="https://it.kirovreg.ru/upload/iblock/941/foto-k-press_relizu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07121" y="1916831"/>
            <a:ext cx="6577247" cy="450541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42008804"/>
      </p:ext>
    </p:extLst>
  </p:cSld>
  <p:clrMapOvr>
    <a:masterClrMapping/>
  </p:clrMapOvr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802C91E9-53FF-4525-B89C-6AC00F03BC96}"/>
              </a:ext>
            </a:extLst>
          </p:cNvPr>
          <p:cNvSpPr txBox="1"/>
          <p:nvPr/>
        </p:nvSpPr>
        <p:spPr>
          <a:xfrm>
            <a:off x="467544" y="386661"/>
            <a:ext cx="8352928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Облачная система</a:t>
            </a:r>
            <a:b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</a:br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электронного обучения «Академия-Медиа»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1A5F7795-0019-4EFF-BDE8-5932D10D61B2}"/>
              </a:ext>
            </a:extLst>
          </p:cNvPr>
          <p:cNvSpPr txBox="1"/>
          <p:nvPr/>
        </p:nvSpPr>
        <p:spPr>
          <a:xfrm>
            <a:off x="562238" y="1731580"/>
            <a:ext cx="8352928" cy="470898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Спектр возможностей для</a:t>
            </a:r>
            <a:r>
              <a:rPr lang="ru-RU" sz="2000" b="1" dirty="0"/>
              <a:t> </a:t>
            </a: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студента:</a:t>
            </a:r>
          </a:p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 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зрелищность и интерактивность заданий мотивируют на получение профессиональных знаний и навыков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свобода выбора темпа и места работы – в аудитории или вне ее (в зоне действия локальной сети), доступ к разнообразным учебным материалам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яркая и понятная статистика личных достижений, получение мгновенного результата по итогам прохождения теста, решения контрольной работы, неограниченный повтор заданий;</a:t>
            </a:r>
          </a:p>
          <a:p>
            <a:pPr marL="342900" indent="-342900">
              <a:spcAft>
                <a:spcPts val="600"/>
              </a:spcAft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наглядный график учебных событий облегчает планирование.</a:t>
            </a:r>
          </a:p>
          <a:p>
            <a:endParaRPr lang="ru-RU" sz="20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969944678"/>
      </p:ext>
    </p:extLst>
  </p:cSld>
  <p:clrMapOvr>
    <a:masterClrMapping/>
  </p:clrMapOvr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3D681A41-7E36-44A1-B0D6-96E2C2237A08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07504" y="0"/>
            <a:ext cx="8964488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0486858"/>
      </p:ext>
    </p:extLst>
  </p:cSld>
  <p:clrMapOvr>
    <a:masterClrMapping/>
  </p:clrMapOvr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3" name="Рисунок 2">
            <a:extLst>
              <a:ext uri="{FF2B5EF4-FFF2-40B4-BE49-F238E27FC236}">
                <a16:creationId xmlns:a16="http://schemas.microsoft.com/office/drawing/2014/main" id="{FAAED594-AFC1-4B65-85DA-ED1FC44008C0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5496" y="0"/>
            <a:ext cx="9108504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8786762"/>
      </p:ext>
    </p:extLst>
  </p:cSld>
  <p:clrMapOvr>
    <a:masterClrMapping/>
  </p:clrMapOvr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EE413DE6-40DB-4554-8A9C-618FA067720B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5496" y="0"/>
            <a:ext cx="9108504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93661163"/>
      </p:ext>
    </p:extLst>
  </p:cSld>
  <p:clrMapOvr>
    <a:masterClrMapping/>
  </p:clrMapOvr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2574C581-AF80-4D81-8676-9B988C581798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5496" y="0"/>
            <a:ext cx="9108504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4463467"/>
      </p:ext>
    </p:extLst>
  </p:cSld>
  <p:clrMapOvr>
    <a:masterClrMapping/>
  </p:clrMapOvr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6EBF2849-6885-4BD1-9EAC-1A06083848BE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1948" y="0"/>
            <a:ext cx="9076556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240002091"/>
      </p:ext>
    </p:extLst>
  </p:cSld>
  <p:clrMapOvr>
    <a:masterClrMapping/>
  </p:clrMapOvr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3EA2911E-EFBB-4120-8A6F-B5A8E8319B74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5496" y="0"/>
            <a:ext cx="9108504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62102867"/>
      </p:ext>
    </p:extLst>
  </p:cSld>
  <p:clrMapOvr>
    <a:masterClrMapping/>
  </p:clrMapOvr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323528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pic>
        <p:nvPicPr>
          <p:cNvPr id="2" name="Рисунок 1">
            <a:extLst>
              <a:ext uri="{FF2B5EF4-FFF2-40B4-BE49-F238E27FC236}">
                <a16:creationId xmlns:a16="http://schemas.microsoft.com/office/drawing/2014/main" id="{59D83D96-F35D-4BD2-900F-6381FE9CE011}"/>
              </a:ext>
            </a:extLst>
          </p:cNvPr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1948" y="0"/>
            <a:ext cx="9112052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10704818"/>
      </p:ext>
    </p:extLst>
  </p:cSld>
  <p:clrMapOvr>
    <a:masterClrMapping/>
  </p:clrMapOvr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Прямоугольник 13"/>
          <p:cNvSpPr/>
          <p:nvPr/>
        </p:nvSpPr>
        <p:spPr>
          <a:xfrm>
            <a:off x="5004048" y="188640"/>
            <a:ext cx="3888432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15" name="Рисунок 14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5178" y="0"/>
            <a:ext cx="4848301" cy="6858000"/>
          </a:xfrm>
          <a:prstGeom prst="rect">
            <a:avLst/>
          </a:prstGeom>
        </p:spPr>
      </p:pic>
      <p:grpSp>
        <p:nvGrpSpPr>
          <p:cNvPr id="8" name="Группа 7"/>
          <p:cNvGrpSpPr/>
          <p:nvPr/>
        </p:nvGrpSpPr>
        <p:grpSpPr>
          <a:xfrm>
            <a:off x="272325" y="5157192"/>
            <a:ext cx="5688632" cy="1080120"/>
            <a:chOff x="2843808" y="5033185"/>
            <a:chExt cx="5688632" cy="1080120"/>
          </a:xfrm>
        </p:grpSpPr>
        <p:sp>
          <p:nvSpPr>
            <p:cNvPr id="7" name="Прямоугольник 6"/>
            <p:cNvSpPr/>
            <p:nvPr/>
          </p:nvSpPr>
          <p:spPr>
            <a:xfrm>
              <a:off x="2843808" y="5033185"/>
              <a:ext cx="5688632" cy="1080120"/>
            </a:xfrm>
            <a:prstGeom prst="rect">
              <a:avLst/>
            </a:prstGeom>
          </p:spPr>
          <p:style>
            <a:lnRef idx="2">
              <a:schemeClr val="accent1"/>
            </a:lnRef>
            <a:fillRef idx="1">
              <a:schemeClr val="lt1"/>
            </a:fillRef>
            <a:effectRef idx="0">
              <a:schemeClr val="accent1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ru-RU"/>
            </a:p>
          </p:txBody>
        </p:sp>
        <p:pic>
          <p:nvPicPr>
            <p:cNvPr id="5" name="Рисунок 4"/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3059832" y="5157192"/>
              <a:ext cx="5154178" cy="832106"/>
            </a:xfrm>
            <a:prstGeom prst="rect">
              <a:avLst/>
            </a:prstGeom>
          </p:spPr>
        </p:pic>
      </p:grpSp>
      <p:sp>
        <p:nvSpPr>
          <p:cNvPr id="13" name="TextBox 12"/>
          <p:cNvSpPr txBox="1"/>
          <p:nvPr/>
        </p:nvSpPr>
        <p:spPr>
          <a:xfrm>
            <a:off x="5076056" y="404664"/>
            <a:ext cx="3600400" cy="452431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endParaRPr lang="ru-RU" sz="2000" b="1" dirty="0">
              <a:solidFill>
                <a:schemeClr val="accent1">
                  <a:lumMod val="75000"/>
                </a:schemeClr>
              </a:solidFill>
              <a:latin typeface="Mech" pitchFamily="50" charset="0"/>
            </a:endParaRPr>
          </a:p>
          <a:p>
            <a:pPr algn="ctr"/>
            <a:endParaRPr lang="ru-RU" sz="2000" b="1" dirty="0">
              <a:solidFill>
                <a:schemeClr val="accent1">
                  <a:lumMod val="75000"/>
                </a:schemeClr>
              </a:solidFill>
              <a:latin typeface="Mech" pitchFamily="50" charset="0"/>
            </a:endParaRPr>
          </a:p>
          <a:p>
            <a:pPr algn="ctr"/>
            <a:r>
              <a:rPr lang="ru-RU" sz="2800" b="1" dirty="0">
                <a:solidFill>
                  <a:schemeClr val="accent1">
                    <a:lumMod val="75000"/>
                  </a:schemeClr>
                </a:solidFill>
                <a:latin typeface="Mech" pitchFamily="50" charset="0"/>
              </a:rPr>
              <a:t>Использование современных информационных технологий в образовательном процессе</a:t>
            </a:r>
            <a:br>
              <a:rPr lang="ru-RU" sz="2000" b="1" dirty="0">
                <a:solidFill>
                  <a:schemeClr val="accent1">
                    <a:lumMod val="75000"/>
                  </a:schemeClr>
                </a:solidFill>
                <a:latin typeface="Mech" pitchFamily="50" charset="0"/>
              </a:rPr>
            </a:br>
            <a:endParaRPr lang="ru-RU" sz="2000" b="1" dirty="0">
              <a:solidFill>
                <a:schemeClr val="accent1">
                  <a:lumMod val="75000"/>
                </a:schemeClr>
              </a:solidFill>
              <a:latin typeface="Mech" pitchFamily="50" charset="0"/>
            </a:endParaRPr>
          </a:p>
          <a:p>
            <a:pPr algn="ctr"/>
            <a:endParaRPr lang="en-US" sz="1200" dirty="0"/>
          </a:p>
          <a:p>
            <a:r>
              <a:rPr lang="ru-RU" sz="1200" dirty="0"/>
              <a:t>МИЩЕНКО ТАТЬЯНА ВЯЧЕСЛАВНА,</a:t>
            </a:r>
            <a:br>
              <a:rPr lang="ru-RU" sz="1200" dirty="0"/>
            </a:br>
            <a:r>
              <a:rPr lang="ru-RU" sz="1200" dirty="0"/>
              <a:t>заведующий учебной частью МЦК-ЧЭМК Минобразования Чувашии</a:t>
            </a:r>
            <a:endParaRPr lang="en-US" sz="1200" dirty="0"/>
          </a:p>
          <a:p>
            <a:endParaRPr lang="en-US" sz="1200" dirty="0"/>
          </a:p>
        </p:txBody>
      </p:sp>
      <p:sp>
        <p:nvSpPr>
          <p:cNvPr id="16" name="Прямоугольник 15"/>
          <p:cNvSpPr/>
          <p:nvPr/>
        </p:nvSpPr>
        <p:spPr>
          <a:xfrm>
            <a:off x="421414" y="6380289"/>
            <a:ext cx="622863" cy="288657"/>
          </a:xfrm>
          <a:prstGeom prst="rect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16</a:t>
            </a:r>
          </a:p>
        </p:txBody>
      </p:sp>
      <p:sp>
        <p:nvSpPr>
          <p:cNvPr id="17" name="Прямоугольник 16"/>
          <p:cNvSpPr/>
          <p:nvPr/>
        </p:nvSpPr>
        <p:spPr>
          <a:xfrm>
            <a:off x="1115616" y="6380288"/>
            <a:ext cx="627267" cy="288657"/>
          </a:xfrm>
          <a:prstGeom prst="rect">
            <a:avLst/>
          </a:prstGeom>
          <a:solidFill>
            <a:srgbClr val="00B0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17</a:t>
            </a:r>
          </a:p>
        </p:txBody>
      </p:sp>
      <p:sp>
        <p:nvSpPr>
          <p:cNvPr id="18" name="Прямоугольник 17"/>
          <p:cNvSpPr/>
          <p:nvPr/>
        </p:nvSpPr>
        <p:spPr>
          <a:xfrm>
            <a:off x="1810094" y="6380287"/>
            <a:ext cx="627267" cy="288656"/>
          </a:xfrm>
          <a:prstGeom prst="rect">
            <a:avLst/>
          </a:prstGeom>
          <a:solidFill>
            <a:srgbClr val="7030A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1</a:t>
            </a:r>
            <a:r>
              <a:rPr lang="en-US" sz="1200" dirty="0"/>
              <a:t>8</a:t>
            </a:r>
            <a:endParaRPr lang="ru-RU" sz="1200" dirty="0"/>
          </a:p>
        </p:txBody>
      </p:sp>
      <p:sp>
        <p:nvSpPr>
          <p:cNvPr id="19" name="Прямоугольник 18"/>
          <p:cNvSpPr/>
          <p:nvPr/>
        </p:nvSpPr>
        <p:spPr>
          <a:xfrm>
            <a:off x="2509646" y="6380286"/>
            <a:ext cx="627267" cy="288657"/>
          </a:xfrm>
          <a:prstGeom prst="rect">
            <a:avLst/>
          </a:prstGeom>
          <a:solidFill>
            <a:srgbClr val="C000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1</a:t>
            </a:r>
            <a:r>
              <a:rPr lang="en-US" sz="1200" dirty="0"/>
              <a:t>9</a:t>
            </a:r>
            <a:endParaRPr lang="ru-RU" sz="1200" dirty="0"/>
          </a:p>
        </p:txBody>
      </p:sp>
      <p:sp>
        <p:nvSpPr>
          <p:cNvPr id="20" name="Прямоугольник 19"/>
          <p:cNvSpPr/>
          <p:nvPr/>
        </p:nvSpPr>
        <p:spPr>
          <a:xfrm>
            <a:off x="3194959" y="6380285"/>
            <a:ext cx="627267" cy="288657"/>
          </a:xfrm>
          <a:prstGeom prst="rect">
            <a:avLst/>
          </a:prstGeom>
          <a:solidFill>
            <a:srgbClr val="00B0F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1200" dirty="0"/>
              <a:t>2020</a:t>
            </a:r>
          </a:p>
        </p:txBody>
      </p:sp>
      <p:pic>
        <p:nvPicPr>
          <p:cNvPr id="2" name="Рисунок 1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25819"/>
          <a:stretch/>
        </p:blipFill>
        <p:spPr>
          <a:xfrm>
            <a:off x="6324475" y="5177531"/>
            <a:ext cx="2279973" cy="12037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24878575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39552" y="764704"/>
            <a:ext cx="8352928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itchFamily="34" charset="0"/>
              </a:rPr>
              <a:t>В современном понимании информационные технологии обучения (ИТО) — это педагогическая технология, использующая специальные способы, программные и технические средства (кино, аудио- и </a:t>
            </a:r>
            <a:r>
              <a:rPr lang="ru-RU" sz="2000" dirty="0" err="1">
                <a:latin typeface="Verdana" pitchFamily="34" charset="0"/>
              </a:rPr>
              <a:t>видеосредства</a:t>
            </a:r>
            <a:r>
              <a:rPr lang="ru-RU" sz="2000" dirty="0">
                <a:latin typeface="Verdana" pitchFamily="34" charset="0"/>
              </a:rPr>
              <a:t>, компьютеры, телекоммуникационные сети) для работы с информацией.</a:t>
            </a:r>
          </a:p>
        </p:txBody>
      </p:sp>
      <p:pic>
        <p:nvPicPr>
          <p:cNvPr id="4098" name="Picture 2" descr="http://farm9.staticflickr.com/8528/8554605848_e293b6fb51_b.jpg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9124" b="9209"/>
          <a:stretch/>
        </p:blipFill>
        <p:spPr bwMode="auto">
          <a:xfrm>
            <a:off x="648841" y="2791543"/>
            <a:ext cx="8134350" cy="3733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422273885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611560" y="908720"/>
            <a:ext cx="8352928" cy="255454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itchFamily="34" charset="0"/>
              </a:rPr>
              <a:t>ИТО следует понимать как приложение информационных технологий:</a:t>
            </a:r>
          </a:p>
          <a:p>
            <a:pPr marL="342900" indent="-342900"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itchFamily="34" charset="0"/>
              </a:rPr>
              <a:t>для создания новых возможностей передачи знаний (деятельности педагога);</a:t>
            </a:r>
          </a:p>
          <a:p>
            <a:pPr marL="342900" indent="-342900"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itchFamily="34" charset="0"/>
              </a:rPr>
              <a:t>восприятия знаний (деятельности обучаемого);</a:t>
            </a:r>
          </a:p>
          <a:p>
            <a:pPr marL="342900" indent="-342900"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itchFamily="34" charset="0"/>
              </a:rPr>
              <a:t>оценки качества обучения;</a:t>
            </a:r>
          </a:p>
          <a:p>
            <a:pPr marL="342900" indent="-342900"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itchFamily="34" charset="0"/>
              </a:rPr>
              <a:t>всестороннего развития личности учащегося в ходе учебно-воспитательного процесса. </a:t>
            </a:r>
          </a:p>
        </p:txBody>
      </p:sp>
      <p:pic>
        <p:nvPicPr>
          <p:cNvPr id="5122" name="Picture 2" descr="http://uslide.ru/images/24/30804/960/img4.jpg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6111" t="19950" r="3659" b="46368"/>
          <a:stretch/>
        </p:blipFill>
        <p:spPr bwMode="auto">
          <a:xfrm>
            <a:off x="6012160" y="3140968"/>
            <a:ext cx="2757420" cy="230425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7" name="Picture 2" descr="http://uslide.ru/images/24/30804/960/img4.jpg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649" t="61026" r="63830" b="3696"/>
          <a:stretch/>
        </p:blipFill>
        <p:spPr bwMode="auto">
          <a:xfrm>
            <a:off x="395536" y="4381551"/>
            <a:ext cx="2448272" cy="212239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2" descr="http://uslide.ru/images/24/30804/960/img4.jpg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5113" t="39366" r="34679" b="30496"/>
          <a:stretch/>
        </p:blipFill>
        <p:spPr bwMode="auto">
          <a:xfrm>
            <a:off x="3059832" y="3810347"/>
            <a:ext cx="2666019" cy="199491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extBox 1"/>
          <p:cNvSpPr txBox="1"/>
          <p:nvPr/>
        </p:nvSpPr>
        <p:spPr>
          <a:xfrm>
            <a:off x="827584" y="3933056"/>
            <a:ext cx="194421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itchFamily="34" charset="0"/>
              </a:rPr>
              <a:t>обучение</a:t>
            </a:r>
          </a:p>
        </p:txBody>
      </p:sp>
      <p:sp>
        <p:nvSpPr>
          <p:cNvPr id="9" name="TextBox 8"/>
          <p:cNvSpPr txBox="1"/>
          <p:nvPr/>
        </p:nvSpPr>
        <p:spPr>
          <a:xfrm>
            <a:off x="3923928" y="5805264"/>
            <a:ext cx="194421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itchFamily="34" charset="0"/>
              </a:rPr>
              <a:t>общение</a:t>
            </a:r>
          </a:p>
        </p:txBody>
      </p:sp>
      <p:sp>
        <p:nvSpPr>
          <p:cNvPr id="10" name="TextBox 9"/>
          <p:cNvSpPr txBox="1"/>
          <p:nvPr/>
        </p:nvSpPr>
        <p:spPr>
          <a:xfrm>
            <a:off x="6948264" y="5405154"/>
            <a:ext cx="1944216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itchFamily="34" charset="0"/>
              </a:rPr>
              <a:t>контроль</a:t>
            </a:r>
          </a:p>
        </p:txBody>
      </p:sp>
    </p:spTree>
    <p:extLst>
      <p:ext uri="{BB962C8B-B14F-4D97-AF65-F5344CB8AC3E}">
        <p14:creationId xmlns:p14="http://schemas.microsoft.com/office/powerpoint/2010/main" val="4171161331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62238" y="1895341"/>
            <a:ext cx="8352928" cy="332398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компьютерное программированное обучение; </a:t>
            </a:r>
          </a:p>
          <a:p>
            <a:pPr marL="342900" indent="-3429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изучение с помощью компьютера;</a:t>
            </a:r>
          </a:p>
          <a:p>
            <a:pPr marL="342900" indent="-3429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изучение на базе компьютера;</a:t>
            </a:r>
          </a:p>
          <a:p>
            <a:pPr marL="342900" indent="-3429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обучение на базе компьютера;</a:t>
            </a:r>
          </a:p>
          <a:p>
            <a:pPr marL="342900" indent="-3429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оценивание с помощью компьютера;</a:t>
            </a:r>
          </a:p>
          <a:p>
            <a:pPr marL="342900" indent="-342900">
              <a:lnSpc>
                <a:spcPct val="150000"/>
              </a:lnSpc>
              <a:buFont typeface="Wingdings" panose="05000000000000000000" pitchFamily="2" charset="2"/>
              <a:buChar char="Ø"/>
            </a:pPr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компьютерные коммуникации.  </a:t>
            </a:r>
          </a:p>
          <a:p>
            <a:pPr marL="342900" indent="-342900">
              <a:lnSpc>
                <a:spcPct val="150000"/>
              </a:lnSpc>
              <a:buFont typeface="Wingdings" panose="05000000000000000000" pitchFamily="2" charset="2"/>
              <a:buChar char="ü"/>
            </a:pPr>
            <a:endParaRPr lang="ru-RU" sz="2000" dirty="0"/>
          </a:p>
        </p:txBody>
      </p:sp>
      <p:sp>
        <p:nvSpPr>
          <p:cNvPr id="8" name="TextBox 7"/>
          <p:cNvSpPr txBox="1"/>
          <p:nvPr/>
        </p:nvSpPr>
        <p:spPr>
          <a:xfrm>
            <a:off x="611560" y="620688"/>
            <a:ext cx="3816424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Классификация ИТО</a:t>
            </a:r>
          </a:p>
          <a:p>
            <a:endParaRPr lang="en-US" sz="2800" b="1" dirty="0">
              <a:solidFill>
                <a:schemeClr val="accent1">
                  <a:lumMod val="75000"/>
                </a:schemeClr>
              </a:solidFill>
              <a:latin typeface="Mech" pitchFamily="50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06180150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562238" y="1412776"/>
            <a:ext cx="8352928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Это технология, обеспечивающая реализацию механизма программированного обучения с помощью соответствующих компьютерных программ. </a:t>
            </a:r>
          </a:p>
          <a:p>
            <a:pPr marL="342900" indent="-342900">
              <a:buFont typeface="Wingdings" panose="05000000000000000000" pitchFamily="2" charset="2"/>
              <a:buChar char="ü"/>
            </a:pPr>
            <a:endParaRPr lang="ru-RU" sz="20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467544" y="746701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Компьютерное программированное обучение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pic>
        <p:nvPicPr>
          <p:cNvPr id="6146" name="Picture 2" descr="http://xn----btb1bbcge2a.xn--p1ai/_bd/8/12336943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9712" y="2564904"/>
            <a:ext cx="5976664" cy="392521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393880081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251520" y="188640"/>
            <a:ext cx="8640960" cy="6480720"/>
          </a:xfrm>
          <a:prstGeom prst="rect">
            <a:avLst/>
          </a:prstGeom>
          <a:ln w="76200"/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876256" y="404664"/>
            <a:ext cx="1777230" cy="309829"/>
          </a:xfrm>
          <a:prstGeom prst="rect">
            <a:avLst/>
          </a:prstGeom>
        </p:spPr>
      </p:pic>
      <p:sp>
        <p:nvSpPr>
          <p:cNvPr id="6" name="TextBox 5"/>
          <p:cNvSpPr txBox="1"/>
          <p:nvPr/>
        </p:nvSpPr>
        <p:spPr>
          <a:xfrm>
            <a:off x="467544" y="1196752"/>
            <a:ext cx="8352928" cy="132343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000" dirty="0">
                <a:latin typeface="Verdana" panose="020B0604030504040204" pitchFamily="34" charset="0"/>
                <a:ea typeface="Verdana" panose="020B0604030504040204" pitchFamily="34" charset="0"/>
                <a:cs typeface="Verdana" panose="020B0604030504040204" pitchFamily="34" charset="0"/>
              </a:rPr>
              <a:t>Предполагает самостоятельную работу обучаемого по изучению нового материала с помощью различных средств, в том числе и компьютера. </a:t>
            </a:r>
          </a:p>
          <a:p>
            <a:pPr marL="342900" indent="-342900">
              <a:buFont typeface="Wingdings" panose="05000000000000000000" pitchFamily="2" charset="2"/>
              <a:buChar char="ü"/>
            </a:pPr>
            <a:endParaRPr lang="ru-RU" sz="2000" dirty="0">
              <a:latin typeface="Verdana" panose="020B0604030504040204" pitchFamily="34" charset="0"/>
              <a:ea typeface="Verdana" panose="020B0604030504040204" pitchFamily="34" charset="0"/>
              <a:cs typeface="Verdana" panose="020B0604030504040204" pitchFamily="34" charset="0"/>
            </a:endParaRPr>
          </a:p>
        </p:txBody>
      </p:sp>
      <p:sp>
        <p:nvSpPr>
          <p:cNvPr id="8" name="TextBox 7"/>
          <p:cNvSpPr txBox="1"/>
          <p:nvPr/>
        </p:nvSpPr>
        <p:spPr>
          <a:xfrm>
            <a:off x="467544" y="548680"/>
            <a:ext cx="8352928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ru-RU" sz="2800" b="1" dirty="0">
                <a:solidFill>
                  <a:schemeClr val="accent1">
                    <a:lumMod val="75000"/>
                  </a:schemeClr>
                </a:solidFill>
              </a:rPr>
              <a:t>Изучение с помощью компьютера</a:t>
            </a:r>
            <a:endParaRPr lang="en-US" sz="2800" b="1" dirty="0">
              <a:solidFill>
                <a:schemeClr val="accent1">
                  <a:lumMod val="75000"/>
                </a:schemeClr>
              </a:solidFill>
            </a:endParaRPr>
          </a:p>
        </p:txBody>
      </p:sp>
      <p:sp>
        <p:nvSpPr>
          <p:cNvPr id="3" name="AutoShape 2" descr="http://kakimenno.ru/uploads/posts/2016-10/1477149265_kak-zablokirovat-youtube.jpg"/>
          <p:cNvSpPr>
            <a:spLocks noChangeAspect="1" noChangeArrowheads="1"/>
          </p:cNvSpPr>
          <p:nvPr/>
        </p:nvSpPr>
        <p:spPr bwMode="auto">
          <a:xfrm>
            <a:off x="155575" y="-144463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sp>
        <p:nvSpPr>
          <p:cNvPr id="7" name="AutoShape 4" descr="http://kakimenno.ru/uploads/posts/2016-10/1477149265_kak-zablokirovat-youtube.jpg"/>
          <p:cNvSpPr>
            <a:spLocks noChangeAspect="1" noChangeArrowheads="1"/>
          </p:cNvSpPr>
          <p:nvPr/>
        </p:nvSpPr>
        <p:spPr bwMode="auto">
          <a:xfrm>
            <a:off x="307975" y="7937"/>
            <a:ext cx="304800" cy="30480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ru-RU"/>
          </a:p>
        </p:txBody>
      </p:sp>
      <p:pic>
        <p:nvPicPr>
          <p:cNvPr id="7176" name="Picture 8" descr="http://www.doski.ru/i/67/59/1675969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79712" y="2204864"/>
            <a:ext cx="4896544" cy="43159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175479386"/>
      </p:ext>
    </p:extLst>
  </p:cSld>
  <p:clrMapOvr>
    <a:masterClrMapping/>
  </p:clrMapOvr>
</p:sld>
</file>

<file path=ppt/theme/theme1.xml><?xml version="1.0" encoding="utf-8"?>
<a:theme xmlns:a="http://schemas.openxmlformats.org/drawingml/2006/main" name="Тема Office">
  <a:themeElements>
    <a:clrScheme name="Аспект">
      <a:dk1>
        <a:sysClr val="windowText" lastClr="000000"/>
      </a:dk1>
      <a:lt1>
        <a:sysClr val="window" lastClr="FFFFFF"/>
      </a:lt1>
      <a:dk2>
        <a:srgbClr val="323232"/>
      </a:dk2>
      <a:lt2>
        <a:srgbClr val="E3DED1"/>
      </a:lt2>
      <a:accent1>
        <a:srgbClr val="F07F09"/>
      </a:accent1>
      <a:accent2>
        <a:srgbClr val="9F2936"/>
      </a:accent2>
      <a:accent3>
        <a:srgbClr val="1B587C"/>
      </a:accent3>
      <a:accent4>
        <a:srgbClr val="4E8542"/>
      </a:accent4>
      <a:accent5>
        <a:srgbClr val="604878"/>
      </a:accent5>
      <a:accent6>
        <a:srgbClr val="C19859"/>
      </a:accent6>
      <a:hlink>
        <a:srgbClr val="6B9F25"/>
      </a:hlink>
      <a:folHlink>
        <a:srgbClr val="B26B02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Стандартная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550</TotalTime>
  <Words>460</Words>
  <Application>Microsoft Office PowerPoint</Application>
  <PresentationFormat>Экран (4:3)</PresentationFormat>
  <Paragraphs>114</Paragraphs>
  <Slides>48</Slides>
  <Notes>2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48</vt:i4>
      </vt:variant>
    </vt:vector>
  </HeadingPairs>
  <TitlesOfParts>
    <vt:vector size="54" baseType="lpstr">
      <vt:lpstr>Arial</vt:lpstr>
      <vt:lpstr>Calibri</vt:lpstr>
      <vt:lpstr>Mech</vt:lpstr>
      <vt:lpstr>Verdana</vt:lpstr>
      <vt:lpstr>Wingdings</vt:lpstr>
      <vt:lpstr>Тема Office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Судленков - реализация проекта МЦК-ЧЭМК 2016 (урезанная версия)</dc:title>
  <dc:creator>Васильев Юрий Петрович;Данные предоставили: Поликарпов И.Л., Ильин Е.М., Камалутдинова С.М.</dc:creator>
  <cp:keywords>МЦК-ЧЭМК</cp:keywords>
  <cp:lastModifiedBy>1</cp:lastModifiedBy>
  <cp:revision>156</cp:revision>
  <cp:lastPrinted>2018-04-10T17:39:43Z</cp:lastPrinted>
  <dcterms:created xsi:type="dcterms:W3CDTF">2016-12-05T07:23:21Z</dcterms:created>
  <dcterms:modified xsi:type="dcterms:W3CDTF">2018-04-13T04:41:40Z</dcterms:modified>
</cp:coreProperties>
</file>